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Lst>
  <p:notesMasterIdLst>
    <p:notesMasterId r:id="rId42"/>
  </p:notesMasterIdLst>
  <p:handoutMasterIdLst>
    <p:handoutMasterId r:id="rId43"/>
  </p:handoutMasterIdLst>
  <p:sldIdLst>
    <p:sldId id="433" r:id="rId4"/>
    <p:sldId id="451" r:id="rId5"/>
    <p:sldId id="868" r:id="rId6"/>
    <p:sldId id="872" r:id="rId7"/>
    <p:sldId id="882" r:id="rId8"/>
    <p:sldId id="884" r:id="rId9"/>
    <p:sldId id="883" r:id="rId10"/>
    <p:sldId id="881" r:id="rId11"/>
    <p:sldId id="877" r:id="rId12"/>
    <p:sldId id="875" r:id="rId13"/>
    <p:sldId id="878" r:id="rId14"/>
    <p:sldId id="449" r:id="rId15"/>
    <p:sldId id="452" r:id="rId16"/>
    <p:sldId id="450" r:id="rId17"/>
    <p:sldId id="880" r:id="rId18"/>
    <p:sldId id="879" r:id="rId19"/>
    <p:sldId id="876" r:id="rId20"/>
    <p:sldId id="874" r:id="rId21"/>
    <p:sldId id="870" r:id="rId22"/>
    <p:sldId id="871" r:id="rId23"/>
    <p:sldId id="865" r:id="rId24"/>
    <p:sldId id="867" r:id="rId25"/>
    <p:sldId id="378" r:id="rId26"/>
    <p:sldId id="866" r:id="rId27"/>
    <p:sldId id="869" r:id="rId28"/>
    <p:sldId id="873" r:id="rId29"/>
    <p:sldId id="441" r:id="rId30"/>
    <p:sldId id="447" r:id="rId31"/>
    <p:sldId id="437" r:id="rId32"/>
    <p:sldId id="445" r:id="rId33"/>
    <p:sldId id="438" r:id="rId34"/>
    <p:sldId id="446" r:id="rId35"/>
    <p:sldId id="443" r:id="rId36"/>
    <p:sldId id="440" r:id="rId37"/>
    <p:sldId id="436" r:id="rId38"/>
    <p:sldId id="448" r:id="rId39"/>
    <p:sldId id="444" r:id="rId40"/>
    <p:sldId id="265" r:id="rId41"/>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ECE59"/>
    <a:srgbClr val="0F46A7"/>
    <a:srgbClr val="970A82"/>
    <a:srgbClr val="FF3399"/>
    <a:srgbClr val="FF0000"/>
    <a:srgbClr val="FFFFFF"/>
    <a:srgbClr val="FEE3A1"/>
    <a:srgbClr val="FFF1D0"/>
    <a:srgbClr val="FFF8E7"/>
    <a:srgbClr val="00328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notesMaster" Target="notesMasters/notesMaster1.xml"/><Relationship Id="rId47" Type="http://schemas.openxmlformats.org/officeDocument/2006/relationships/tableStyles" Target="tableStyle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slide" Target="slides/slide38.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4" Type="http://schemas.openxmlformats.org/officeDocument/2006/relationships/presProps" Target="pres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2</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5906792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2.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2.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25.png"/><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2.xml"/></Relationships>
</file>

<file path=ppt/slides/_rels/slide24.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35.xml"/></Relationships>
</file>

<file path=ppt/slides/_rels/slide25.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38.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5.xml"/></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5.xml"/></Relationships>
</file>

<file path=ppt/slides/_rels/slide3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6.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5.xml"/></Relationships>
</file>

<file path=ppt/slides/_rels/slide33.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28.xml"/><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5.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9.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6.svg"/><Relationship Id="rId4" Type="http://schemas.openxmlformats.org/officeDocument/2006/relationships/image" Target="../media/image15.png"/><Relationship Id="rId9" Type="http://schemas.openxmlformats.org/officeDocument/2006/relationships/image" Target="../media/image18.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51816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8256505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047737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1764915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815081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763</Words>
  <Application>Microsoft Office PowerPoint</Application>
  <PresentationFormat>Custom</PresentationFormat>
  <Paragraphs>453</Paragraphs>
  <Slides>38</Slides>
  <Notes>33</Notes>
  <HiddenSlides>3</HiddenSlides>
  <MMClips>0</MMClips>
  <ScaleCrop>false</ScaleCrop>
  <HeadingPairs>
    <vt:vector size="6" baseType="variant">
      <vt:variant>
        <vt:lpstr>Fonts Used</vt:lpstr>
      </vt:variant>
      <vt:variant>
        <vt:i4>7</vt:i4>
      </vt:variant>
      <vt:variant>
        <vt:lpstr>Theme</vt:lpstr>
      </vt:variant>
      <vt:variant>
        <vt:i4>3</vt:i4>
      </vt:variant>
      <vt:variant>
        <vt:lpstr>Slide Titles</vt:lpstr>
      </vt:variant>
      <vt:variant>
        <vt:i4>38</vt:i4>
      </vt:variant>
    </vt:vector>
  </HeadingPairs>
  <TitlesOfParts>
    <vt:vector size="48"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PowerPoint Presentation</vt:lpstr>
      <vt:lpstr>xxx</vt:lpstr>
      <vt:lpstr>Cloud Curriculum, Reference/ Sample Microservice: bulletinboard</vt:lpstr>
      <vt:lpstr>How to bring bulletinboard into K8s ?</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Bulletinboard in K8s: Dependencies across entities - 2</vt:lpstr>
      <vt:lpstr>Demo</vt:lpstr>
      <vt:lpstr>What YOU will do in exercise #0x</vt:lpstr>
      <vt:lpstr>Appendix</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546</cp:revision>
  <dcterms:created xsi:type="dcterms:W3CDTF">2015-10-14T11:21:43Z</dcterms:created>
  <dcterms:modified xsi:type="dcterms:W3CDTF">2018-08-16T14:26: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